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5\ponizej 130 tys\139 wytrząsarka do płytek krwi\2 Zaproszenie\"/>
    </mc:Choice>
  </mc:AlternateContent>
  <xr:revisionPtr revIDLastSave="0" documentId="13_ncr:1_{8B5B5988-895C-44D4-85F6-5466B9E0DF01}" xr6:coauthVersionLast="47" xr6:coauthVersionMax="47" xr10:uidLastSave="{00000000-0000-0000-0000-000000000000}"/>
  <bookViews>
    <workbookView xWindow="28680" yWindow="-120" windowWidth="29040" windowHeight="15720" tabRatio="989" xr2:uid="{9C2AED38-B01E-499F-AC76-7FAEAFD8D308}"/>
  </bookViews>
  <sheets>
    <sheet name="część 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8" i="1" l="1"/>
  <c r="M8" i="1"/>
  <c r="K10" i="1"/>
  <c r="M11" i="1"/>
  <c r="L8" i="1"/>
  <c r="I9" i="1"/>
</calcChain>
</file>

<file path=xl/sharedStrings.xml><?xml version="1.0" encoding="utf-8"?>
<sst xmlns="http://schemas.openxmlformats.org/spreadsheetml/2006/main" count="73" uniqueCount="72"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 xml:space="preserve">opis produktu oferowanego (należy odnieśc się do każdego parametru wskazanego w opisie przedmiotu zamówienia 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1.</t>
  </si>
  <si>
    <t>Wartość ne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Podpis osoby uzupełniającej formularz oraz data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Ilość </t>
  </si>
  <si>
    <t>Załącznik nr 2 do SWZ</t>
  </si>
  <si>
    <t>jedn. miary</t>
  </si>
  <si>
    <t>szt.</t>
  </si>
  <si>
    <t xml:space="preserve">klasa medyczna produktu,                   nr katalogowy, producent,  nazwa handlowa (tożsama z nazwą, która będzie widniała na fakturze) </t>
  </si>
  <si>
    <t>WZÓR FORMULARZA CENOWEGO - DZPZ/2651/139/2025 - Dostawa wytrząsarki do płytek krwi z kompatybilnym inkubatorem</t>
  </si>
  <si>
    <t>Wytrząsarka do płytek krwi z kompatybilnym inkubatorem</t>
  </si>
  <si>
    <t>Wartość VAT</t>
  </si>
  <si>
    <t>Wartość brutto</t>
  </si>
  <si>
    <t>Parametry wymagane</t>
  </si>
  <si>
    <t>Parametry oferowane</t>
  </si>
  <si>
    <t>Ogólne</t>
  </si>
  <si>
    <t>Urządzenie będące wyrobami medycznymi, posiadające znak zgodności CE</t>
  </si>
  <si>
    <t>Autoryzowany serwis gwarancyjny i pogwarancyjny działający w Polsce (uprawnienie nadane przed producenta sprzetu)</t>
  </si>
  <si>
    <t>Inkubator dedykowany do przechowywania płytek krwi KKP:</t>
  </si>
  <si>
    <t>Wymiary zewnętrzne (szer. x wys. x gł.) 52,8 x 68,9 x 56,5 cm</t>
  </si>
  <si>
    <t>Wymiary wewnętrzne (szer. x wys. x gł.) 46,9 x 41,1 x 27,1 cm</t>
  </si>
  <si>
    <t>Waga 53 kg</t>
  </si>
  <si>
    <t>Głośność 42,2 dB</t>
  </si>
  <si>
    <t>Zużycie energii 1,24 kWh/dzień</t>
  </si>
  <si>
    <t>Zakres temperatur pracy od +20°C do +35°C</t>
  </si>
  <si>
    <t>Wymagana temperatura pracy 22°C ±1°C</t>
  </si>
  <si>
    <t>Zasilanie 230V, 50-60Hz</t>
  </si>
  <si>
    <t>Powłoka proszkowa odporna na bakterie</t>
  </si>
  <si>
    <t>Izolacja piankowa przyjazna środowisku wolna od CFC, HFC i HCFC</t>
  </si>
  <si>
    <t>Układ chłodzenia bez gazu chłodniczego – przyjazna środowisku pompa ciepła z wymuszonym obiegiem powietrza</t>
  </si>
  <si>
    <t>Wewnętrzne zasilanie do kompatybilnej wytrząsarki</t>
  </si>
  <si>
    <t>Panel kontrolny umieszczony powyżej drzwi urządzenia</t>
  </si>
  <si>
    <t>Automatyczny system stop/start zatrzymujący wytrząsarkę w momencie otwarcia drzwi i automatycznie przywracającej prace po zamknięciu drzwi</t>
  </si>
  <si>
    <t>Rozbudowany mikroprocesorowy system sterowania wyposażony w kolorowy ekran dotykowy, obejmujący:
a. wyświetlanie aktualnej temperatury w komorze
b. wyświetlanie bieżącego stanu alarmowego
c. wyświetlanie niezatwierdzonych alarmów
d. ustawienia chronione hasłem
e. alarm zasilania
f. alarm otwartych drzwi
g. alarm zbyt niskiej i zbyt wysokiej temperatury
h. alarm informujący, że karta pamięci SD do zapisu danych jest blisko końca pojemności lub jest pełna
i. graficzny wykres temperatury w komorze z ostatnich 24 godzin
j. awaryjne zasilanie akumulatorowe pozwalające na pracę ekranu wraz z funkcjami alarmowymi do 18 godzin
k. alarm niskiego poziomu baterii zasilania awaryjnego
l. kontrola i monitorowanie pracy podłączonej wytrząsarki w zakresie jej ruchu (prędkość i liczba cykli) oraz statusu połączenia
m. możliwość zgrania gromadzonych danych do pamięci USB
n. możliwość wyciszenia aktywnych alarmów za pomocą jednej ikony na ekranie głównym; wartość nastawialna w zakresie 1-60 minut
o. możliwość ustawienia jasności wyświetlacza</t>
  </si>
  <si>
    <t>Tarczkowy rejestrator temperatury:
➢ bez użytku tuszu, z zastosowaniem papieru wrażliwego na nacisk
➢ zakres 0° do +35°C
➢ napęd elektroniczny
➢ backup baterii zapewniający ciągłe działanie
➢ przyciski membranowe umożliwiające zmianę tarczki i kalibrację
➢ wskaźnik naładowania baterii
➢ czujnik temperatury wykonany ze stali nierdzewnej</t>
  </si>
  <si>
    <t>Półprzewodnikowy system termoelektryczny</t>
  </si>
  <si>
    <t>Kompatybilna wytrząsarka do płytek krwi KKP:</t>
  </si>
  <si>
    <t>Pojemność: 7 pojemników z aferezy lub 15 pojemników standardowych</t>
  </si>
  <si>
    <t>Wymiary (szer. x wys. x gł.): 40,7 x 34,3 x 23,2 cm</t>
  </si>
  <si>
    <t>Waga: 15 kg</t>
  </si>
  <si>
    <t>Zużycie energii: 0,27 kWh/dzień</t>
  </si>
  <si>
    <t>Głośność: 42,2 dB</t>
  </si>
  <si>
    <t>Przycisk ON/OFF</t>
  </si>
  <si>
    <t>Alarm dźwiękowy i wizualny braku zasilania oraz braku ruchu</t>
  </si>
  <si>
    <t>Możliwość wyboru głośności alarmu i opóźnienia alarmu (w przedziale od ok. 10 sekund do 10 minut)</t>
  </si>
  <si>
    <t>Awaryjne zasilanie akumulatorowe pozwalające na pracę układu alarmowego do 2 godzin</t>
  </si>
  <si>
    <t>6 wysuwanych i wentylowanych szuflad z możliwością regulacji położenia</t>
  </si>
  <si>
    <t>Fabryczna możliwość włączenia/wyłączenia alarmu wizualnego za pomocą fizycznego przycisku</t>
  </si>
  <si>
    <t>Zmienna szybkość wytrząsania z możliwością regulacji</t>
  </si>
  <si>
    <t>Fabryczne uchwyty do półek (uchwyty w komplecie) z miejscem na etykietę</t>
  </si>
  <si>
    <t>Wytrząsanie nastawialne w zakresie 40-80 ruchów / min.</t>
  </si>
  <si>
    <t>Wyposażona w port komunikacyj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3">
    <numFmt numFmtId="164" formatCode="#,##0.00&quot; zł&quot;"/>
    <numFmt numFmtId="165" formatCode="_-* #,##0.00_-;\-* #,##0.00_-;_-* \-??_-;_-@_-"/>
    <numFmt numFmtId="166" formatCode="_-* #,##0.00&quot; zł&quot;_-;\-* #,##0.00&quot; zł&quot;_-;_-* \-??&quot; zł&quot;_-;_-@_-"/>
  </numFmts>
  <fonts count="31" x14ac:knownFonts="1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sz val="9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11"/>
      <color indexed="9"/>
      <name val="Calibri"/>
      <family val="2"/>
      <charset val="238"/>
    </font>
    <font>
      <sz val="11"/>
      <color indexed="62"/>
      <name val="Calibri"/>
      <family val="2"/>
      <charset val="238"/>
    </font>
    <font>
      <b/>
      <sz val="11"/>
      <color indexed="63"/>
      <name val="Calibri"/>
      <family val="2"/>
      <charset val="238"/>
    </font>
    <font>
      <sz val="11"/>
      <color indexed="17"/>
      <name val="Calibri"/>
      <family val="2"/>
      <charset val="238"/>
    </font>
    <font>
      <sz val="11"/>
      <color indexed="52"/>
      <name val="Calibri"/>
      <family val="2"/>
      <charset val="238"/>
    </font>
    <font>
      <b/>
      <sz val="11"/>
      <color indexed="9"/>
      <name val="Calibri"/>
      <family val="2"/>
      <charset val="238"/>
    </font>
    <font>
      <sz val="11"/>
      <color indexed="60"/>
      <name val="Calibri"/>
      <family val="2"/>
      <charset val="238"/>
    </font>
    <font>
      <b/>
      <sz val="11"/>
      <color indexed="52"/>
      <name val="Calibri"/>
      <family val="2"/>
      <charset val="238"/>
    </font>
    <font>
      <b/>
      <sz val="11"/>
      <color indexed="8"/>
      <name val="Calibri"/>
      <family val="2"/>
      <charset val="238"/>
    </font>
    <font>
      <i/>
      <sz val="11"/>
      <color indexed="23"/>
      <name val="Calibri"/>
      <family val="2"/>
      <charset val="238"/>
    </font>
    <font>
      <sz val="11"/>
      <color indexed="10"/>
      <name val="Calibri"/>
      <family val="2"/>
      <charset val="238"/>
    </font>
    <font>
      <sz val="11"/>
      <color indexed="20"/>
      <name val="Calibri"/>
      <family val="2"/>
      <charset val="238"/>
    </font>
    <font>
      <b/>
      <sz val="15"/>
      <color indexed="56"/>
      <name val="Calibri"/>
      <family val="2"/>
      <charset val="238"/>
    </font>
    <font>
      <b/>
      <sz val="13"/>
      <color indexed="56"/>
      <name val="Calibri"/>
      <family val="2"/>
      <charset val="238"/>
    </font>
    <font>
      <b/>
      <sz val="11"/>
      <color indexed="56"/>
      <name val="Calibri"/>
      <family val="2"/>
      <charset val="238"/>
    </font>
    <font>
      <b/>
      <sz val="18"/>
      <color indexed="56"/>
      <name val="Cambria"/>
      <family val="2"/>
      <charset val="238"/>
    </font>
    <font>
      <b/>
      <sz val="9"/>
      <name val="Arial"/>
      <family val="2"/>
      <charset val="238"/>
    </font>
    <font>
      <b/>
      <sz val="9"/>
      <name val="Arial CE"/>
      <family val="2"/>
      <charset val="238"/>
    </font>
    <font>
      <sz val="8"/>
      <name val="Arial"/>
      <family val="2"/>
      <charset val="238"/>
    </font>
    <font>
      <sz val="9"/>
      <color indexed="10"/>
      <name val="Arial"/>
      <family val="2"/>
      <charset val="238"/>
    </font>
    <font>
      <sz val="9"/>
      <color indexed="17"/>
      <name val="Arial"/>
      <family val="2"/>
      <charset val="238"/>
    </font>
    <font>
      <sz val="10"/>
      <name val="Arial CE"/>
      <charset val="238"/>
    </font>
    <font>
      <sz val="11"/>
      <color rgb="FF000000"/>
      <name val="Calibri"/>
      <family val="2"/>
      <charset val="238"/>
    </font>
    <font>
      <i/>
      <sz val="11"/>
      <color rgb="FF7F7F7F"/>
      <name val="Calibri"/>
      <family val="2"/>
      <charset val="238"/>
    </font>
    <font>
      <sz val="11"/>
      <name val="Calibri"/>
      <family val="2"/>
      <charset val="238"/>
      <scheme val="minor"/>
    </font>
  </fonts>
  <fills count="25">
    <fill>
      <patternFill patternType="none"/>
    </fill>
    <fill>
      <patternFill patternType="gray125"/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3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  <fill>
      <patternFill patternType="solid">
        <fgColor theme="0"/>
        <bgColor indexed="64"/>
      </patternFill>
    </fill>
  </fills>
  <borders count="34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double">
        <color indexed="5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47">
    <xf numFmtId="0" fontId="0" fillId="0" borderId="0"/>
    <xf numFmtId="0" fontId="5" fillId="2" borderId="0" applyNumberFormat="0" applyBorder="0" applyAlignment="0" applyProtection="0"/>
    <xf numFmtId="0" fontId="5" fillId="3" borderId="0" applyNumberFormat="0" applyBorder="0" applyAlignment="0" applyProtection="0"/>
    <xf numFmtId="0" fontId="5" fillId="4" borderId="0" applyNumberFormat="0" applyBorder="0" applyAlignment="0" applyProtection="0"/>
    <xf numFmtId="0" fontId="5" fillId="5" borderId="0" applyNumberFormat="0" applyBorder="0" applyAlignment="0" applyProtection="0"/>
    <xf numFmtId="0" fontId="5" fillId="6" borderId="0" applyNumberFormat="0" applyBorder="0" applyAlignment="0" applyProtection="0"/>
    <xf numFmtId="0" fontId="5" fillId="7" borderId="0" applyNumberFormat="0" applyBorder="0" applyAlignment="0" applyProtection="0"/>
    <xf numFmtId="0" fontId="5" fillId="8" borderId="0" applyNumberFormat="0" applyBorder="0" applyAlignment="0" applyProtection="0"/>
    <xf numFmtId="0" fontId="5" fillId="9" borderId="0" applyNumberFormat="0" applyBorder="0" applyAlignment="0" applyProtection="0"/>
    <xf numFmtId="0" fontId="5" fillId="10" borderId="0" applyNumberFormat="0" applyBorder="0" applyAlignment="0" applyProtection="0"/>
    <xf numFmtId="0" fontId="5" fillId="5" borderId="0" applyNumberFormat="0" applyBorder="0" applyAlignment="0" applyProtection="0"/>
    <xf numFmtId="0" fontId="5" fillId="8" borderId="0" applyNumberFormat="0" applyBorder="0" applyAlignment="0" applyProtection="0"/>
    <xf numFmtId="0" fontId="5" fillId="11" borderId="0" applyNumberFormat="0" applyBorder="0" applyAlignment="0" applyProtection="0"/>
    <xf numFmtId="0" fontId="6" fillId="12" borderId="0" applyNumberFormat="0" applyBorder="0" applyAlignment="0" applyProtection="0"/>
    <xf numFmtId="0" fontId="6" fillId="9" borderId="0" applyNumberFormat="0" applyBorder="0" applyAlignment="0" applyProtection="0"/>
    <xf numFmtId="0" fontId="6" fillId="10" borderId="0" applyNumberFormat="0" applyBorder="0" applyAlignment="0" applyProtection="0"/>
    <xf numFmtId="0" fontId="6" fillId="13" borderId="0" applyNumberFormat="0" applyBorder="0" applyAlignment="0" applyProtection="0"/>
    <xf numFmtId="0" fontId="6" fillId="14" borderId="0" applyNumberFormat="0" applyBorder="0" applyAlignment="0" applyProtection="0"/>
    <xf numFmtId="0" fontId="6" fillId="15" borderId="0" applyNumberFormat="0" applyBorder="0" applyAlignment="0" applyProtection="0"/>
    <xf numFmtId="0" fontId="6" fillId="16" borderId="0" applyNumberFormat="0" applyBorder="0" applyAlignment="0" applyProtection="0"/>
    <xf numFmtId="0" fontId="6" fillId="17" borderId="0" applyNumberFormat="0" applyBorder="0" applyAlignment="0" applyProtection="0"/>
    <xf numFmtId="0" fontId="6" fillId="18" borderId="0" applyNumberFormat="0" applyBorder="0" applyAlignment="0" applyProtection="0"/>
    <xf numFmtId="0" fontId="6" fillId="13" borderId="0" applyNumberFormat="0" applyBorder="0" applyAlignment="0" applyProtection="0"/>
    <xf numFmtId="0" fontId="6" fillId="14" borderId="0" applyNumberFormat="0" applyBorder="0" applyAlignment="0" applyProtection="0"/>
    <xf numFmtId="0" fontId="6" fillId="19" borderId="0" applyNumberFormat="0" applyBorder="0" applyAlignment="0" applyProtection="0"/>
    <xf numFmtId="0" fontId="7" fillId="7" borderId="1" applyNumberFormat="0" applyAlignment="0" applyProtection="0"/>
    <xf numFmtId="0" fontId="8" fillId="20" borderId="2" applyNumberFormat="0" applyAlignment="0" applyProtection="0"/>
    <xf numFmtId="0" fontId="9" fillId="4" borderId="0" applyNumberFormat="0" applyBorder="0" applyAlignment="0" applyProtection="0"/>
    <xf numFmtId="165" fontId="28" fillId="0" borderId="0" applyBorder="0" applyProtection="0"/>
    <xf numFmtId="0" fontId="29" fillId="0" borderId="0" applyBorder="0" applyProtection="0"/>
    <xf numFmtId="0" fontId="10" fillId="0" borderId="3" applyNumberFormat="0" applyFill="0" applyAlignment="0" applyProtection="0"/>
    <xf numFmtId="0" fontId="11" fillId="21" borderId="4" applyNumberFormat="0" applyAlignment="0" applyProtection="0"/>
    <xf numFmtId="0" fontId="18" fillId="0" borderId="5" applyNumberFormat="0" applyFill="0" applyAlignment="0" applyProtection="0"/>
    <xf numFmtId="0" fontId="19" fillId="0" borderId="6" applyNumberFormat="0" applyFill="0" applyAlignment="0" applyProtection="0"/>
    <xf numFmtId="0" fontId="20" fillId="0" borderId="7" applyNumberFormat="0" applyFill="0" applyAlignment="0" applyProtection="0"/>
    <xf numFmtId="0" fontId="20" fillId="0" borderId="0" applyNumberFormat="0" applyFill="0" applyBorder="0" applyAlignment="0" applyProtection="0"/>
    <xf numFmtId="0" fontId="12" fillId="22" borderId="0" applyNumberFormat="0" applyBorder="0" applyAlignment="0" applyProtection="0"/>
    <xf numFmtId="0" fontId="28" fillId="0" borderId="0"/>
    <xf numFmtId="0" fontId="13" fillId="20" borderId="1" applyNumberFormat="0" applyAlignment="0" applyProtection="0"/>
    <xf numFmtId="9" fontId="4" fillId="0" borderId="0" applyFill="0" applyBorder="0" applyAlignment="0" applyProtection="0"/>
    <xf numFmtId="0" fontId="14" fillId="0" borderId="8" applyNumberFormat="0" applyFill="0" applyAlignment="0" applyProtection="0"/>
    <xf numFmtId="0" fontId="15" fillId="0" borderId="0" applyNumberFormat="0" applyFill="0" applyBorder="0" applyAlignment="0" applyProtection="0"/>
    <xf numFmtId="0" fontId="16" fillId="0" borderId="0" applyNumberFormat="0" applyFill="0" applyBorder="0" applyAlignment="0" applyProtection="0"/>
    <xf numFmtId="0" fontId="21" fillId="0" borderId="0" applyNumberFormat="0" applyFill="0" applyBorder="0" applyAlignment="0" applyProtection="0"/>
    <xf numFmtId="0" fontId="4" fillId="23" borderId="9" applyNumberFormat="0" applyAlignment="0" applyProtection="0"/>
    <xf numFmtId="166" fontId="28" fillId="0" borderId="0" applyBorder="0" applyProtection="0"/>
    <xf numFmtId="0" fontId="17" fillId="3" borderId="0" applyNumberFormat="0" applyBorder="0" applyAlignment="0" applyProtection="0"/>
  </cellStyleXfs>
  <cellXfs count="54">
    <xf numFmtId="0" fontId="0" fillId="0" borderId="0" xfId="0"/>
    <xf numFmtId="0" fontId="2" fillId="0" borderId="10" xfId="0" applyFont="1" applyBorder="1" applyAlignment="1">
      <alignment horizontal="center" vertical="center" wrapText="1"/>
    </xf>
    <xf numFmtId="0" fontId="22" fillId="0" borderId="10" xfId="0" applyFont="1" applyBorder="1" applyAlignment="1">
      <alignment horizontal="center" vertical="center" wrapText="1"/>
    </xf>
    <xf numFmtId="164" fontId="0" fillId="6" borderId="10" xfId="0" applyNumberFormat="1" applyFill="1" applyBorder="1" applyAlignment="1">
      <alignment horizontal="center" vertical="center" wrapText="1"/>
    </xf>
    <xf numFmtId="164" fontId="0" fillId="0" borderId="10" xfId="0" applyNumberFormat="1" applyBorder="1" applyAlignment="1">
      <alignment horizontal="center" vertical="center" wrapText="1"/>
    </xf>
    <xf numFmtId="164" fontId="0" fillId="0" borderId="10" xfId="0" applyNumberFormat="1" applyBorder="1" applyAlignment="1">
      <alignment vertical="center" wrapText="1"/>
    </xf>
    <xf numFmtId="164" fontId="0" fillId="22" borderId="10" xfId="0" applyNumberFormat="1" applyFill="1" applyBorder="1" applyAlignment="1">
      <alignment horizontal="center" vertical="center" wrapText="1"/>
    </xf>
    <xf numFmtId="164" fontId="0" fillId="11" borderId="10" xfId="0" applyNumberFormat="1" applyFill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2" fillId="0" borderId="11" xfId="0" applyFont="1" applyBorder="1" applyAlignment="1">
      <alignment horizontal="center" vertical="center" wrapText="1"/>
    </xf>
    <xf numFmtId="164" fontId="0" fillId="0" borderId="11" xfId="0" applyNumberFormat="1" applyBorder="1" applyAlignment="1">
      <alignment horizontal="center" vertical="center" wrapText="1"/>
    </xf>
    <xf numFmtId="9" fontId="0" fillId="0" borderId="11" xfId="39" applyFont="1" applyFill="1" applyBorder="1" applyAlignment="1" applyProtection="1">
      <alignment horizontal="center" vertical="center" wrapText="1"/>
    </xf>
    <xf numFmtId="0" fontId="24" fillId="0" borderId="10" xfId="0" applyFont="1" applyBorder="1" applyAlignment="1">
      <alignment horizontal="center" vertical="center" wrapText="1"/>
    </xf>
    <xf numFmtId="0" fontId="23" fillId="0" borderId="10" xfId="0" applyFont="1" applyBorder="1" applyAlignment="1">
      <alignment horizontal="center" vertical="center" wrapText="1"/>
    </xf>
    <xf numFmtId="0" fontId="22" fillId="24" borderId="10" xfId="0" applyFont="1" applyFill="1" applyBorder="1" applyAlignment="1">
      <alignment horizontal="center" vertical="center" wrapText="1"/>
    </xf>
    <xf numFmtId="0" fontId="27" fillId="0" borderId="0" xfId="0" applyFont="1" applyAlignment="1">
      <alignment vertical="center" wrapText="1"/>
    </xf>
    <xf numFmtId="0" fontId="30" fillId="0" borderId="11" xfId="0" applyFont="1" applyBorder="1" applyAlignment="1">
      <alignment horizontal="center" vertical="center" wrapText="1"/>
    </xf>
    <xf numFmtId="0" fontId="24" fillId="0" borderId="11" xfId="0" applyFont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0" fillId="0" borderId="11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0" xfId="0" applyAlignment="1">
      <alignment horizontal="center" vertical="center"/>
    </xf>
    <xf numFmtId="0" fontId="2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0" fillId="0" borderId="21" xfId="0" applyBorder="1" applyAlignment="1">
      <alignment horizontal="left" vertical="center"/>
    </xf>
    <xf numFmtId="0" fontId="0" fillId="0" borderId="22" xfId="0" applyBorder="1" applyAlignment="1">
      <alignment horizontal="left" vertical="center"/>
    </xf>
    <xf numFmtId="0" fontId="0" fillId="0" borderId="27" xfId="0" applyBorder="1" applyAlignment="1">
      <alignment horizontal="left" vertical="center"/>
    </xf>
    <xf numFmtId="0" fontId="0" fillId="0" borderId="28" xfId="0" applyBorder="1" applyAlignment="1">
      <alignment horizontal="left" vertical="center"/>
    </xf>
    <xf numFmtId="0" fontId="0" fillId="0" borderId="23" xfId="0" applyBorder="1" applyAlignment="1">
      <alignment horizontal="left" vertical="center"/>
    </xf>
    <xf numFmtId="0" fontId="0" fillId="0" borderId="24" xfId="0" applyBorder="1" applyAlignment="1">
      <alignment horizontal="left" vertical="center"/>
    </xf>
    <xf numFmtId="0" fontId="0" fillId="0" borderId="18" xfId="0" applyBorder="1" applyAlignment="1">
      <alignment horizontal="left" vertical="center" wrapText="1"/>
    </xf>
    <xf numFmtId="0" fontId="0" fillId="0" borderId="10" xfId="0" applyBorder="1" applyAlignment="1">
      <alignment horizontal="left" vertical="center" wrapText="1"/>
    </xf>
    <xf numFmtId="0" fontId="0" fillId="0" borderId="19" xfId="0" applyBorder="1" applyAlignment="1">
      <alignment horizontal="left" vertical="center" wrapText="1"/>
    </xf>
    <xf numFmtId="0" fontId="0" fillId="0" borderId="20" xfId="0" applyBorder="1" applyAlignment="1">
      <alignment horizontal="left" vertical="center" wrapText="1"/>
    </xf>
    <xf numFmtId="0" fontId="0" fillId="0" borderId="25" xfId="0" applyBorder="1" applyAlignment="1">
      <alignment horizontal="left" vertical="center"/>
    </xf>
    <xf numFmtId="0" fontId="0" fillId="0" borderId="26" xfId="0" applyBorder="1" applyAlignment="1">
      <alignment horizontal="left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25" fillId="0" borderId="10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26" fillId="0" borderId="10" xfId="0" applyFont="1" applyBorder="1" applyAlignment="1">
      <alignment horizontal="center" vertical="center" wrapText="1"/>
    </xf>
  </cellXfs>
  <cellStyles count="47">
    <cellStyle name="20% - akcent 1" xfId="1" xr:uid="{931AC8C6-357B-4EDB-AF93-F6E3FA69C9B4}"/>
    <cellStyle name="20% - akcent 2" xfId="2" xr:uid="{41E8A8E4-308D-4326-ABED-9A03783D5C63}"/>
    <cellStyle name="20% - akcent 3" xfId="3" xr:uid="{4D9AABC4-F288-4BC8-8851-1241B1E0A0FD}"/>
    <cellStyle name="20% - akcent 4" xfId="4" xr:uid="{AA0CA6BE-8A5F-41A2-8185-73821C14D3E3}"/>
    <cellStyle name="20% - akcent 5" xfId="5" xr:uid="{3F210C3D-6DAD-49A3-9302-702BBF8271A5}"/>
    <cellStyle name="20% - akcent 6" xfId="6" xr:uid="{88101218-2963-4E6E-B50F-AA1FA4BBEA24}"/>
    <cellStyle name="40% - akcent 1" xfId="7" xr:uid="{9222B15D-4A49-4005-9482-9216031EFFBD}"/>
    <cellStyle name="40% - akcent 2" xfId="8" xr:uid="{3E02E8BB-B786-403D-9E8B-7C9ECE2266F7}"/>
    <cellStyle name="40% - akcent 3" xfId="9" xr:uid="{C7999A40-4B1F-4936-800F-DC848CB03BCA}"/>
    <cellStyle name="40% - akcent 4" xfId="10" xr:uid="{D2201283-FA01-47CD-9191-9088438763E8}"/>
    <cellStyle name="40% - akcent 5" xfId="11" xr:uid="{8FA6DF9F-44FE-4585-975F-F66B94690DA3}"/>
    <cellStyle name="40% - akcent 6" xfId="12" xr:uid="{EF82A424-526C-4A01-9DF4-3A44E5DB907D}"/>
    <cellStyle name="60% - akcent 1" xfId="13" xr:uid="{C2EE4569-E5E7-4DE7-BB78-9D0CE6AC7160}"/>
    <cellStyle name="60% - akcent 2" xfId="14" xr:uid="{7B37C657-3DF9-45DF-A77A-7CDFF1AEE128}"/>
    <cellStyle name="60% - akcent 3" xfId="15" xr:uid="{85BD0CBD-EA2E-44CC-882D-3AE44491F59F}"/>
    <cellStyle name="60% - akcent 4" xfId="16" xr:uid="{08DC9A96-7FE2-426D-A47D-B3AB80ED5613}"/>
    <cellStyle name="60% - akcent 5" xfId="17" xr:uid="{04B9A3F3-DF08-402E-A22C-7135D56EBB65}"/>
    <cellStyle name="60% - akcent 6" xfId="18" xr:uid="{797A40F8-F346-4929-9200-583894520D29}"/>
    <cellStyle name="Akcent 1 2" xfId="19" xr:uid="{7FFE8C60-EEA4-4887-BC85-C81F94EA8716}"/>
    <cellStyle name="Akcent 2 2" xfId="20" xr:uid="{E8FB1C33-3F0F-4473-9F20-B1972424B98B}"/>
    <cellStyle name="Akcent 3 2" xfId="21" xr:uid="{A039416E-934F-4FE9-9409-F7B9DB28CD75}"/>
    <cellStyle name="Akcent 4 2" xfId="22" xr:uid="{31AEF1A7-217C-41FF-BA5C-3C0884316542}"/>
    <cellStyle name="Akcent 5 2" xfId="23" xr:uid="{703B9E54-6D28-4F73-95BF-12C5F07E35FD}"/>
    <cellStyle name="Akcent 6 2" xfId="24" xr:uid="{5FA4E45F-4C03-481F-8D7B-6091752587E2}"/>
    <cellStyle name="Dane wejściowe 2" xfId="25" xr:uid="{1B4C03FB-F390-423C-A99E-B22AB0836DCF}"/>
    <cellStyle name="Dane wyjściowe 2" xfId="26" xr:uid="{4724FEBE-9F91-4697-93C3-5CB2E339E454}"/>
    <cellStyle name="Dobre" xfId="27" xr:uid="{56B84F91-75C8-4466-84D8-919D89488A28}"/>
    <cellStyle name="Dziesiętny 2" xfId="28" xr:uid="{9E9A09FF-92B4-40FC-B6C5-7B5E0FA14812}"/>
    <cellStyle name="Excel Built-in Explanatory Text" xfId="29" xr:uid="{1C4C3155-24A8-4750-8FA5-BF15839C63E7}"/>
    <cellStyle name="Komórka połączona 2" xfId="30" xr:uid="{C5794FA8-041F-43B9-9093-EE22F2C9291F}"/>
    <cellStyle name="Komórka zaznaczona 2" xfId="31" xr:uid="{9C7F4C57-D5E2-449C-B498-8942B69F7122}"/>
    <cellStyle name="Nagłówek 1 2" xfId="32" xr:uid="{CA96B14C-A10B-4143-B476-E4A6F76FE7BF}"/>
    <cellStyle name="Nagłówek 2 2" xfId="33" xr:uid="{44241604-7FD1-4E97-844D-F3717177DB7A}"/>
    <cellStyle name="Nagłówek 3 2" xfId="34" xr:uid="{0EF67610-12F1-4183-B22A-A237E1862DBF}"/>
    <cellStyle name="Nagłówek 4 2" xfId="35" xr:uid="{890F6348-FAC3-4E4D-871D-F914F87F2143}"/>
    <cellStyle name="Neutralne" xfId="36" xr:uid="{3810007E-DB8D-4B53-BCF7-DFF4FA1838A0}"/>
    <cellStyle name="Normalny" xfId="0" builtinId="0"/>
    <cellStyle name="Normalny 2" xfId="37" xr:uid="{0FB9ACAB-4A7F-45F0-8A8B-AF6BCB5F82F6}"/>
    <cellStyle name="Obliczenia 2" xfId="38" xr:uid="{78CAAB5A-5E52-489A-BBC6-5C2CB61B0EEC}"/>
    <cellStyle name="Procentowy" xfId="39" builtinId="5"/>
    <cellStyle name="Suma 2" xfId="40" xr:uid="{A59EC0FB-1031-4259-A3AB-10568B1C05F6}"/>
    <cellStyle name="Tekst objaśnienia 2" xfId="41" xr:uid="{493F72B1-B3AC-4D23-BB07-C56BA16D12CC}"/>
    <cellStyle name="Tekst ostrzeżenia 2" xfId="42" xr:uid="{98D970A0-11E8-459D-B5C7-9D8702954218}"/>
    <cellStyle name="Tytuł 2" xfId="43" xr:uid="{B1478D5D-8C9E-463F-8691-41117CC7E995}"/>
    <cellStyle name="Uwaga 2" xfId="44" xr:uid="{BE025C3F-60CE-4DC9-A470-CDF24DC9F791}"/>
    <cellStyle name="Walutowy 2" xfId="45" xr:uid="{8BCF2650-6527-4D20-ADDA-4D1A46957BB3}"/>
    <cellStyle name="Złe" xfId="46" xr:uid="{0099E47A-C7E7-4DA5-8030-86161C5859B3}"/>
  </cellStyles>
  <dxfs count="0"/>
  <tableStyles count="1" defaultTableStyle="TableStyleMedium2" defaultPivotStyle="PivotStyleLight16">
    <tableStyle name="Invisible" pivot="0" table="0" count="0" xr9:uid="{6B87794A-A9E1-40C9-818B-BDBB883C669D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B98E46-964A-47F9-928B-B276E6AAB304}">
  <dimension ref="B4:M195"/>
  <sheetViews>
    <sheetView tabSelected="1" topLeftCell="A45" zoomScale="130" zoomScaleNormal="130" workbookViewId="0">
      <selection activeCell="C53" sqref="C53:D53"/>
    </sheetView>
  </sheetViews>
  <sheetFormatPr defaultRowHeight="12.75" x14ac:dyDescent="0.2"/>
  <cols>
    <col min="1" max="1" width="2" style="18" customWidth="1"/>
    <col min="2" max="2" width="7.42578125" style="18" customWidth="1"/>
    <col min="3" max="3" width="25.85546875" style="22" customWidth="1"/>
    <col min="4" max="4" width="24" style="23" customWidth="1"/>
    <col min="5" max="5" width="26.85546875" style="23" customWidth="1"/>
    <col min="6" max="6" width="8.7109375" style="24" customWidth="1"/>
    <col min="7" max="7" width="9.140625" style="24" customWidth="1"/>
    <col min="8" max="8" width="17" style="18" customWidth="1"/>
    <col min="9" max="9" width="13.140625" style="18" customWidth="1"/>
    <col min="10" max="10" width="10.85546875" style="18" customWidth="1"/>
    <col min="11" max="11" width="13.42578125" style="18" customWidth="1"/>
    <col min="12" max="12" width="11" style="18" customWidth="1"/>
    <col min="13" max="13" width="17.85546875" style="18" customWidth="1"/>
    <col min="14" max="16384" width="9.140625" style="18"/>
  </cols>
  <sheetData>
    <row r="4" spans="2:13" ht="13.5" thickBot="1" x14ac:dyDescent="0.25">
      <c r="B4" s="46" t="s">
        <v>29</v>
      </c>
      <c r="C4" s="46"/>
      <c r="D4" s="46"/>
      <c r="E4" s="46"/>
      <c r="F4" s="46"/>
      <c r="G4" s="46"/>
      <c r="H4" s="46"/>
      <c r="I4" s="46"/>
      <c r="J4" s="48" t="s">
        <v>25</v>
      </c>
      <c r="K4" s="48"/>
      <c r="L4" s="48"/>
      <c r="M4" s="48"/>
    </row>
    <row r="5" spans="2:13" x14ac:dyDescent="0.2">
      <c r="B5" s="47"/>
      <c r="C5" s="47"/>
      <c r="D5" s="47"/>
      <c r="E5" s="47"/>
      <c r="F5" s="47"/>
      <c r="G5" s="47"/>
      <c r="H5" s="47"/>
      <c r="I5" s="47"/>
      <c r="J5" s="49"/>
      <c r="K5" s="49"/>
      <c r="L5" s="49"/>
      <c r="M5" s="49"/>
    </row>
    <row r="6" spans="2:13" x14ac:dyDescent="0.2">
      <c r="B6" s="19"/>
      <c r="C6" s="17"/>
      <c r="D6" s="9" t="s">
        <v>0</v>
      </c>
      <c r="E6" s="9" t="s">
        <v>1</v>
      </c>
      <c r="F6" s="9" t="s">
        <v>2</v>
      </c>
      <c r="G6" s="9" t="s">
        <v>3</v>
      </c>
      <c r="H6" s="8" t="s">
        <v>4</v>
      </c>
      <c r="I6" s="8" t="s">
        <v>5</v>
      </c>
      <c r="J6" s="8" t="s">
        <v>6</v>
      </c>
      <c r="K6" s="8" t="s">
        <v>7</v>
      </c>
      <c r="L6" s="8" t="s">
        <v>8</v>
      </c>
      <c r="M6" s="8" t="s">
        <v>9</v>
      </c>
    </row>
    <row r="7" spans="2:13" ht="60" x14ac:dyDescent="0.2">
      <c r="B7" s="1" t="s">
        <v>10</v>
      </c>
      <c r="C7" s="12" t="s">
        <v>11</v>
      </c>
      <c r="D7" s="13" t="s">
        <v>12</v>
      </c>
      <c r="E7" s="2" t="s">
        <v>28</v>
      </c>
      <c r="F7" s="2" t="s">
        <v>26</v>
      </c>
      <c r="G7" s="14" t="s">
        <v>24</v>
      </c>
      <c r="H7" s="1" t="s">
        <v>13</v>
      </c>
      <c r="I7" s="1" t="s">
        <v>14</v>
      </c>
      <c r="J7" s="1" t="s">
        <v>15</v>
      </c>
      <c r="K7" s="1" t="s">
        <v>16</v>
      </c>
      <c r="L7" s="1" t="s">
        <v>17</v>
      </c>
      <c r="M7" s="1" t="s">
        <v>18</v>
      </c>
    </row>
    <row r="8" spans="2:13" ht="48" customHeight="1" x14ac:dyDescent="0.2">
      <c r="B8" s="8" t="s">
        <v>19</v>
      </c>
      <c r="C8" s="15" t="s">
        <v>30</v>
      </c>
      <c r="D8" s="9"/>
      <c r="E8" s="9"/>
      <c r="F8" s="16" t="s">
        <v>27</v>
      </c>
      <c r="G8" s="16">
        <v>1</v>
      </c>
      <c r="H8" s="10">
        <v>0</v>
      </c>
      <c r="I8" s="10">
        <f>ROUND(G8*H8,2)</f>
        <v>0</v>
      </c>
      <c r="J8" s="11"/>
      <c r="K8" s="10">
        <v>0</v>
      </c>
      <c r="L8" s="10">
        <f>ROUND(M8/G8,2)</f>
        <v>0</v>
      </c>
      <c r="M8" s="10">
        <f>ROUND(SUM(I8,K8),2)</f>
        <v>0</v>
      </c>
    </row>
    <row r="9" spans="2:13" ht="28.5" customHeight="1" x14ac:dyDescent="0.2">
      <c r="B9" s="50"/>
      <c r="C9" s="50"/>
      <c r="D9" s="50"/>
      <c r="E9" s="50"/>
      <c r="F9" s="50"/>
      <c r="G9" s="50"/>
      <c r="H9" s="3" t="s">
        <v>20</v>
      </c>
      <c r="I9" s="3">
        <f>SUM(I8:I8)</f>
        <v>0</v>
      </c>
      <c r="J9" s="4"/>
      <c r="K9" s="4"/>
      <c r="L9" s="4"/>
      <c r="M9" s="4"/>
    </row>
    <row r="10" spans="2:13" ht="25.5" x14ac:dyDescent="0.2">
      <c r="B10" s="50"/>
      <c r="C10" s="50"/>
      <c r="D10" s="50"/>
      <c r="E10" s="50"/>
      <c r="F10" s="50"/>
      <c r="G10" s="50"/>
      <c r="H10" s="5"/>
      <c r="I10" s="20"/>
      <c r="J10" s="6" t="s">
        <v>31</v>
      </c>
      <c r="K10" s="6">
        <f>SUM(K8:K9)</f>
        <v>0</v>
      </c>
      <c r="L10" s="4"/>
      <c r="M10" s="4"/>
    </row>
    <row r="11" spans="2:13" ht="25.5" x14ac:dyDescent="0.2">
      <c r="B11" s="50"/>
      <c r="C11" s="50"/>
      <c r="D11" s="50"/>
      <c r="E11" s="50"/>
      <c r="F11" s="50"/>
      <c r="G11" s="50"/>
      <c r="H11" s="5"/>
      <c r="I11" s="4"/>
      <c r="J11" s="4"/>
      <c r="K11" s="4"/>
      <c r="L11" s="7" t="s">
        <v>32</v>
      </c>
      <c r="M11" s="7">
        <f>SUM(M8:M10)</f>
        <v>0</v>
      </c>
    </row>
    <row r="12" spans="2:13" x14ac:dyDescent="0.2">
      <c r="B12" s="51" t="s">
        <v>21</v>
      </c>
      <c r="C12" s="51"/>
      <c r="D12" s="51"/>
      <c r="E12" s="51"/>
      <c r="F12" s="51"/>
      <c r="G12" s="51"/>
      <c r="H12" s="51"/>
      <c r="I12" s="52" t="s">
        <v>22</v>
      </c>
      <c r="J12" s="52"/>
      <c r="K12" s="52"/>
      <c r="L12" s="52"/>
      <c r="M12" s="52"/>
    </row>
    <row r="13" spans="2:13" x14ac:dyDescent="0.2">
      <c r="B13" s="51"/>
      <c r="C13" s="51"/>
      <c r="D13" s="51"/>
      <c r="E13" s="51"/>
      <c r="F13" s="51"/>
      <c r="G13" s="51"/>
      <c r="H13" s="51"/>
      <c r="I13" s="52"/>
      <c r="J13" s="52"/>
      <c r="K13" s="52"/>
      <c r="L13" s="52"/>
      <c r="M13" s="52"/>
    </row>
    <row r="14" spans="2:13" x14ac:dyDescent="0.2">
      <c r="B14" s="53" t="s">
        <v>23</v>
      </c>
      <c r="C14" s="53"/>
      <c r="D14" s="53"/>
      <c r="E14" s="53"/>
      <c r="F14" s="53"/>
      <c r="G14" s="53"/>
      <c r="H14" s="53"/>
      <c r="I14" s="52"/>
      <c r="J14" s="52"/>
      <c r="K14" s="52"/>
      <c r="L14" s="52"/>
      <c r="M14" s="52"/>
    </row>
    <row r="16" spans="2:13" ht="13.5" thickBot="1" x14ac:dyDescent="0.25"/>
    <row r="17" spans="3:7" ht="15" customHeight="1" thickBot="1" x14ac:dyDescent="0.25">
      <c r="C17" s="40" t="s">
        <v>33</v>
      </c>
      <c r="D17" s="41"/>
      <c r="E17" s="41" t="s">
        <v>34</v>
      </c>
      <c r="F17" s="42"/>
      <c r="G17" s="21"/>
    </row>
    <row r="18" spans="3:7" ht="22.5" customHeight="1" x14ac:dyDescent="0.2">
      <c r="C18" s="37" t="s">
        <v>35</v>
      </c>
      <c r="D18" s="38"/>
      <c r="E18" s="38"/>
      <c r="F18" s="39"/>
      <c r="G18" s="21"/>
    </row>
    <row r="19" spans="3:7" ht="30" customHeight="1" x14ac:dyDescent="0.2">
      <c r="C19" s="31" t="s">
        <v>36</v>
      </c>
      <c r="D19" s="32"/>
      <c r="E19" s="25"/>
      <c r="F19" s="26"/>
      <c r="G19" s="21"/>
    </row>
    <row r="20" spans="3:7" ht="45" customHeight="1" thickBot="1" x14ac:dyDescent="0.25">
      <c r="C20" s="33" t="s">
        <v>37</v>
      </c>
      <c r="D20" s="34"/>
      <c r="E20" s="29"/>
      <c r="F20" s="30"/>
      <c r="G20" s="21"/>
    </row>
    <row r="21" spans="3:7" ht="22.5" customHeight="1" x14ac:dyDescent="0.2">
      <c r="C21" s="43" t="s">
        <v>38</v>
      </c>
      <c r="D21" s="44"/>
      <c r="E21" s="44"/>
      <c r="F21" s="45"/>
      <c r="G21" s="21"/>
    </row>
    <row r="22" spans="3:7" ht="30" customHeight="1" x14ac:dyDescent="0.2">
      <c r="C22" s="31" t="s">
        <v>39</v>
      </c>
      <c r="D22" s="32"/>
      <c r="E22" s="25"/>
      <c r="F22" s="26"/>
      <c r="G22" s="21"/>
    </row>
    <row r="23" spans="3:7" ht="30" customHeight="1" x14ac:dyDescent="0.2">
      <c r="C23" s="31" t="s">
        <v>40</v>
      </c>
      <c r="D23" s="32"/>
      <c r="E23" s="25"/>
      <c r="F23" s="26"/>
      <c r="G23" s="21"/>
    </row>
    <row r="24" spans="3:7" ht="15" customHeight="1" x14ac:dyDescent="0.2">
      <c r="C24" s="31" t="s">
        <v>41</v>
      </c>
      <c r="D24" s="32"/>
      <c r="E24" s="25"/>
      <c r="F24" s="26"/>
      <c r="G24" s="21"/>
    </row>
    <row r="25" spans="3:7" ht="15" customHeight="1" x14ac:dyDescent="0.2">
      <c r="C25" s="31" t="s">
        <v>42</v>
      </c>
      <c r="D25" s="32"/>
      <c r="E25" s="25"/>
      <c r="F25" s="26"/>
      <c r="G25" s="21"/>
    </row>
    <row r="26" spans="3:7" ht="15" customHeight="1" x14ac:dyDescent="0.2">
      <c r="C26" s="31" t="s">
        <v>43</v>
      </c>
      <c r="D26" s="32"/>
      <c r="E26" s="25"/>
      <c r="F26" s="26"/>
      <c r="G26" s="21"/>
    </row>
    <row r="27" spans="3:7" ht="15" customHeight="1" x14ac:dyDescent="0.2">
      <c r="C27" s="31" t="s">
        <v>44</v>
      </c>
      <c r="D27" s="32"/>
      <c r="E27" s="25"/>
      <c r="F27" s="26"/>
      <c r="G27" s="21"/>
    </row>
    <row r="28" spans="3:7" ht="15" customHeight="1" x14ac:dyDescent="0.2">
      <c r="C28" s="31" t="s">
        <v>45</v>
      </c>
      <c r="D28" s="32"/>
      <c r="E28" s="25"/>
      <c r="F28" s="26"/>
      <c r="G28" s="21"/>
    </row>
    <row r="29" spans="3:7" ht="15" customHeight="1" x14ac:dyDescent="0.2">
      <c r="C29" s="31" t="s">
        <v>46</v>
      </c>
      <c r="D29" s="32"/>
      <c r="E29" s="25"/>
      <c r="F29" s="26"/>
      <c r="G29" s="21"/>
    </row>
    <row r="30" spans="3:7" ht="15" customHeight="1" x14ac:dyDescent="0.2">
      <c r="C30" s="31" t="s">
        <v>47</v>
      </c>
      <c r="D30" s="32"/>
      <c r="E30" s="25"/>
      <c r="F30" s="26"/>
      <c r="G30" s="21"/>
    </row>
    <row r="31" spans="3:7" ht="30" customHeight="1" x14ac:dyDescent="0.2">
      <c r="C31" s="31" t="s">
        <v>48</v>
      </c>
      <c r="D31" s="32"/>
      <c r="E31" s="25"/>
      <c r="F31" s="26"/>
      <c r="G31" s="21"/>
    </row>
    <row r="32" spans="3:7" ht="30" customHeight="1" x14ac:dyDescent="0.2">
      <c r="C32" s="31" t="s">
        <v>49</v>
      </c>
      <c r="D32" s="32"/>
      <c r="E32" s="25"/>
      <c r="F32" s="26"/>
      <c r="G32" s="21"/>
    </row>
    <row r="33" spans="3:7" ht="15" customHeight="1" x14ac:dyDescent="0.2">
      <c r="C33" s="31" t="s">
        <v>50</v>
      </c>
      <c r="D33" s="32"/>
      <c r="E33" s="25"/>
      <c r="F33" s="26"/>
      <c r="G33" s="21"/>
    </row>
    <row r="34" spans="3:7" ht="15" customHeight="1" x14ac:dyDescent="0.2">
      <c r="C34" s="31" t="s">
        <v>51</v>
      </c>
      <c r="D34" s="32"/>
      <c r="E34" s="25"/>
      <c r="F34" s="26"/>
      <c r="G34" s="21"/>
    </row>
    <row r="35" spans="3:7" ht="336" customHeight="1" x14ac:dyDescent="0.2">
      <c r="C35" s="31" t="s">
        <v>53</v>
      </c>
      <c r="D35" s="32"/>
      <c r="E35" s="25"/>
      <c r="F35" s="26"/>
      <c r="G35" s="21"/>
    </row>
    <row r="36" spans="3:7" ht="45" customHeight="1" x14ac:dyDescent="0.2">
      <c r="C36" s="31" t="s">
        <v>52</v>
      </c>
      <c r="D36" s="32"/>
      <c r="E36" s="25"/>
      <c r="F36" s="26"/>
      <c r="G36" s="21"/>
    </row>
    <row r="37" spans="3:7" ht="134.25" customHeight="1" x14ac:dyDescent="0.2">
      <c r="C37" s="31" t="s">
        <v>54</v>
      </c>
      <c r="D37" s="32"/>
      <c r="E37" s="25"/>
      <c r="F37" s="26"/>
      <c r="G37" s="21"/>
    </row>
    <row r="38" spans="3:7" ht="15" customHeight="1" thickBot="1" x14ac:dyDescent="0.25">
      <c r="C38" s="35" t="s">
        <v>55</v>
      </c>
      <c r="D38" s="36"/>
      <c r="E38" s="27"/>
      <c r="F38" s="28"/>
      <c r="G38" s="21"/>
    </row>
    <row r="39" spans="3:7" ht="22.5" customHeight="1" x14ac:dyDescent="0.2">
      <c r="C39" s="37" t="s">
        <v>56</v>
      </c>
      <c r="D39" s="38"/>
      <c r="E39" s="38"/>
      <c r="F39" s="39"/>
      <c r="G39" s="21"/>
    </row>
    <row r="40" spans="3:7" ht="30" customHeight="1" x14ac:dyDescent="0.2">
      <c r="C40" s="31" t="s">
        <v>57</v>
      </c>
      <c r="D40" s="32"/>
      <c r="E40" s="25"/>
      <c r="F40" s="26"/>
      <c r="G40" s="21"/>
    </row>
    <row r="41" spans="3:7" ht="15" customHeight="1" x14ac:dyDescent="0.2">
      <c r="C41" s="31" t="s">
        <v>58</v>
      </c>
      <c r="D41" s="32"/>
      <c r="E41" s="25"/>
      <c r="F41" s="26"/>
      <c r="G41" s="21"/>
    </row>
    <row r="42" spans="3:7" ht="15" customHeight="1" x14ac:dyDescent="0.2">
      <c r="C42" s="31" t="s">
        <v>59</v>
      </c>
      <c r="D42" s="32"/>
      <c r="E42" s="25"/>
      <c r="F42" s="26"/>
      <c r="G42" s="21"/>
    </row>
    <row r="43" spans="3:7" ht="15" customHeight="1" x14ac:dyDescent="0.2">
      <c r="C43" s="31" t="s">
        <v>46</v>
      </c>
      <c r="D43" s="32"/>
      <c r="E43" s="25"/>
      <c r="F43" s="26"/>
      <c r="G43" s="21"/>
    </row>
    <row r="44" spans="3:7" ht="15" customHeight="1" x14ac:dyDescent="0.2">
      <c r="C44" s="31" t="s">
        <v>60</v>
      </c>
      <c r="D44" s="32"/>
      <c r="E44" s="25"/>
      <c r="F44" s="26"/>
      <c r="G44" s="21"/>
    </row>
    <row r="45" spans="3:7" ht="15" customHeight="1" x14ac:dyDescent="0.2">
      <c r="C45" s="31" t="s">
        <v>61</v>
      </c>
      <c r="D45" s="32"/>
      <c r="E45" s="25"/>
      <c r="F45" s="26"/>
      <c r="G45" s="21"/>
    </row>
    <row r="46" spans="3:7" ht="15" customHeight="1" x14ac:dyDescent="0.2">
      <c r="C46" s="31" t="s">
        <v>62</v>
      </c>
      <c r="D46" s="32"/>
      <c r="E46" s="25"/>
      <c r="F46" s="26"/>
      <c r="G46" s="21"/>
    </row>
    <row r="47" spans="3:7" ht="15" customHeight="1" x14ac:dyDescent="0.2">
      <c r="C47" s="31" t="s">
        <v>63</v>
      </c>
      <c r="D47" s="32"/>
      <c r="E47" s="25"/>
      <c r="F47" s="26"/>
      <c r="G47" s="21"/>
    </row>
    <row r="48" spans="3:7" ht="31.5" customHeight="1" x14ac:dyDescent="0.2">
      <c r="C48" s="31" t="s">
        <v>64</v>
      </c>
      <c r="D48" s="32"/>
      <c r="E48" s="25"/>
      <c r="F48" s="26"/>
      <c r="G48" s="21"/>
    </row>
    <row r="49" spans="3:7" ht="31.5" customHeight="1" x14ac:dyDescent="0.2">
      <c r="C49" s="31" t="s">
        <v>65</v>
      </c>
      <c r="D49" s="32"/>
      <c r="E49" s="25"/>
      <c r="F49" s="26"/>
      <c r="G49" s="21"/>
    </row>
    <row r="50" spans="3:7" ht="30" customHeight="1" x14ac:dyDescent="0.2">
      <c r="C50" s="31" t="s">
        <v>66</v>
      </c>
      <c r="D50" s="32"/>
      <c r="E50" s="25"/>
      <c r="F50" s="26"/>
      <c r="G50" s="21"/>
    </row>
    <row r="51" spans="3:7" ht="30" customHeight="1" x14ac:dyDescent="0.2">
      <c r="C51" s="31" t="s">
        <v>67</v>
      </c>
      <c r="D51" s="32"/>
      <c r="E51" s="25"/>
      <c r="F51" s="26"/>
      <c r="G51" s="21"/>
    </row>
    <row r="52" spans="3:7" ht="15" customHeight="1" x14ac:dyDescent="0.2">
      <c r="C52" s="31" t="s">
        <v>68</v>
      </c>
      <c r="D52" s="32"/>
      <c r="E52" s="25"/>
      <c r="F52" s="26"/>
      <c r="G52" s="21"/>
    </row>
    <row r="53" spans="3:7" ht="30" customHeight="1" x14ac:dyDescent="0.2">
      <c r="C53" s="31" t="s">
        <v>69</v>
      </c>
      <c r="D53" s="32"/>
      <c r="E53" s="25"/>
      <c r="F53" s="26"/>
      <c r="G53" s="21"/>
    </row>
    <row r="54" spans="3:7" ht="15" customHeight="1" x14ac:dyDescent="0.2">
      <c r="C54" s="31" t="s">
        <v>70</v>
      </c>
      <c r="D54" s="32"/>
      <c r="E54" s="25"/>
      <c r="F54" s="26"/>
      <c r="G54" s="21"/>
    </row>
    <row r="55" spans="3:7" ht="15" customHeight="1" thickBot="1" x14ac:dyDescent="0.25">
      <c r="C55" s="33" t="s">
        <v>71</v>
      </c>
      <c r="D55" s="34"/>
      <c r="E55" s="29"/>
      <c r="F55" s="30"/>
      <c r="G55" s="21"/>
    </row>
    <row r="56" spans="3:7" x14ac:dyDescent="0.2">
      <c r="C56" s="18"/>
      <c r="D56" s="18"/>
      <c r="E56" s="18"/>
      <c r="F56" s="21"/>
      <c r="G56" s="21"/>
    </row>
    <row r="57" spans="3:7" x14ac:dyDescent="0.2">
      <c r="C57" s="18"/>
      <c r="D57" s="18"/>
      <c r="E57" s="18"/>
      <c r="F57" s="21"/>
      <c r="G57" s="21"/>
    </row>
    <row r="58" spans="3:7" x14ac:dyDescent="0.2">
      <c r="C58" s="18"/>
      <c r="D58" s="18"/>
      <c r="E58" s="18"/>
      <c r="F58" s="21"/>
      <c r="G58" s="21"/>
    </row>
    <row r="59" spans="3:7" x14ac:dyDescent="0.2">
      <c r="C59" s="18"/>
      <c r="D59" s="18"/>
      <c r="E59" s="18"/>
      <c r="F59" s="21"/>
      <c r="G59" s="21"/>
    </row>
    <row r="60" spans="3:7" x14ac:dyDescent="0.2">
      <c r="C60" s="18"/>
      <c r="D60" s="18"/>
      <c r="E60" s="18"/>
      <c r="F60" s="21"/>
      <c r="G60" s="21"/>
    </row>
    <row r="61" spans="3:7" x14ac:dyDescent="0.2">
      <c r="C61" s="18"/>
      <c r="D61" s="18"/>
      <c r="E61" s="18"/>
      <c r="F61" s="21"/>
      <c r="G61" s="21"/>
    </row>
    <row r="62" spans="3:7" x14ac:dyDescent="0.2">
      <c r="C62" s="18"/>
      <c r="D62" s="18"/>
      <c r="E62" s="18"/>
      <c r="F62" s="21"/>
      <c r="G62" s="21"/>
    </row>
    <row r="63" spans="3:7" x14ac:dyDescent="0.2">
      <c r="C63" s="18"/>
      <c r="D63" s="18"/>
      <c r="E63" s="18"/>
      <c r="F63" s="21"/>
      <c r="G63" s="21"/>
    </row>
    <row r="64" spans="3:7" x14ac:dyDescent="0.2">
      <c r="C64" s="18"/>
      <c r="D64" s="18"/>
      <c r="E64" s="18"/>
      <c r="F64" s="21"/>
      <c r="G64" s="21"/>
    </row>
    <row r="65" spans="6:7" s="18" customFormat="1" x14ac:dyDescent="0.2">
      <c r="F65" s="21"/>
      <c r="G65" s="21"/>
    </row>
    <row r="66" spans="6:7" s="18" customFormat="1" x14ac:dyDescent="0.2">
      <c r="F66" s="21"/>
      <c r="G66" s="21"/>
    </row>
    <row r="67" spans="6:7" s="18" customFormat="1" x14ac:dyDescent="0.2">
      <c r="F67" s="21"/>
      <c r="G67" s="21"/>
    </row>
    <row r="68" spans="6:7" s="18" customFormat="1" x14ac:dyDescent="0.2">
      <c r="F68" s="21"/>
      <c r="G68" s="21"/>
    </row>
    <row r="69" spans="6:7" s="18" customFormat="1" x14ac:dyDescent="0.2">
      <c r="F69" s="21"/>
      <c r="G69" s="21"/>
    </row>
    <row r="70" spans="6:7" s="18" customFormat="1" x14ac:dyDescent="0.2">
      <c r="F70" s="21"/>
      <c r="G70" s="21"/>
    </row>
    <row r="71" spans="6:7" s="18" customFormat="1" x14ac:dyDescent="0.2">
      <c r="F71" s="21"/>
      <c r="G71" s="21"/>
    </row>
    <row r="72" spans="6:7" s="18" customFormat="1" x14ac:dyDescent="0.2">
      <c r="F72" s="21"/>
      <c r="G72" s="21"/>
    </row>
    <row r="73" spans="6:7" s="18" customFormat="1" x14ac:dyDescent="0.2">
      <c r="F73" s="21"/>
      <c r="G73" s="21"/>
    </row>
    <row r="74" spans="6:7" s="18" customFormat="1" x14ac:dyDescent="0.2">
      <c r="F74" s="21"/>
      <c r="G74" s="21"/>
    </row>
    <row r="75" spans="6:7" s="18" customFormat="1" x14ac:dyDescent="0.2">
      <c r="F75" s="21"/>
      <c r="G75" s="21"/>
    </row>
    <row r="76" spans="6:7" s="18" customFormat="1" x14ac:dyDescent="0.2">
      <c r="F76" s="21"/>
      <c r="G76" s="21"/>
    </row>
    <row r="77" spans="6:7" s="18" customFormat="1" x14ac:dyDescent="0.2">
      <c r="F77" s="21"/>
      <c r="G77" s="21"/>
    </row>
    <row r="78" spans="6:7" s="18" customFormat="1" x14ac:dyDescent="0.2">
      <c r="F78" s="21"/>
      <c r="G78" s="21"/>
    </row>
    <row r="79" spans="6:7" s="18" customFormat="1" x14ac:dyDescent="0.2">
      <c r="F79" s="21"/>
      <c r="G79" s="21"/>
    </row>
    <row r="80" spans="6:7" s="18" customFormat="1" x14ac:dyDescent="0.2">
      <c r="F80" s="21"/>
      <c r="G80" s="21"/>
    </row>
    <row r="81" spans="6:7" s="18" customFormat="1" x14ac:dyDescent="0.2">
      <c r="F81" s="21"/>
      <c r="G81" s="21"/>
    </row>
    <row r="82" spans="6:7" s="18" customFormat="1" x14ac:dyDescent="0.2">
      <c r="F82" s="21"/>
      <c r="G82" s="21"/>
    </row>
    <row r="83" spans="6:7" s="18" customFormat="1" x14ac:dyDescent="0.2">
      <c r="F83" s="21"/>
      <c r="G83" s="21"/>
    </row>
    <row r="84" spans="6:7" s="18" customFormat="1" x14ac:dyDescent="0.2">
      <c r="F84" s="21"/>
      <c r="G84" s="21"/>
    </row>
    <row r="85" spans="6:7" s="18" customFormat="1" x14ac:dyDescent="0.2">
      <c r="F85" s="21"/>
      <c r="G85" s="21"/>
    </row>
    <row r="86" spans="6:7" s="18" customFormat="1" x14ac:dyDescent="0.2">
      <c r="F86" s="21"/>
      <c r="G86" s="21"/>
    </row>
    <row r="87" spans="6:7" s="18" customFormat="1" x14ac:dyDescent="0.2">
      <c r="F87" s="21"/>
      <c r="G87" s="21"/>
    </row>
    <row r="88" spans="6:7" s="18" customFormat="1" x14ac:dyDescent="0.2">
      <c r="F88" s="21"/>
      <c r="G88" s="21"/>
    </row>
    <row r="89" spans="6:7" s="18" customFormat="1" x14ac:dyDescent="0.2">
      <c r="F89" s="21"/>
      <c r="G89" s="21"/>
    </row>
    <row r="90" spans="6:7" s="18" customFormat="1" x14ac:dyDescent="0.2">
      <c r="F90" s="21"/>
      <c r="G90" s="21"/>
    </row>
    <row r="91" spans="6:7" s="18" customFormat="1" x14ac:dyDescent="0.2">
      <c r="F91" s="21"/>
      <c r="G91" s="21"/>
    </row>
    <row r="92" spans="6:7" s="18" customFormat="1" x14ac:dyDescent="0.2">
      <c r="F92" s="21"/>
      <c r="G92" s="21"/>
    </row>
    <row r="93" spans="6:7" s="18" customFormat="1" x14ac:dyDescent="0.2">
      <c r="F93" s="21"/>
      <c r="G93" s="21"/>
    </row>
    <row r="94" spans="6:7" s="18" customFormat="1" x14ac:dyDescent="0.2">
      <c r="F94" s="21"/>
      <c r="G94" s="21"/>
    </row>
    <row r="95" spans="6:7" s="18" customFormat="1" x14ac:dyDescent="0.2">
      <c r="F95" s="21"/>
      <c r="G95" s="21"/>
    </row>
    <row r="96" spans="6:7" s="18" customFormat="1" x14ac:dyDescent="0.2">
      <c r="F96" s="21"/>
      <c r="G96" s="21"/>
    </row>
    <row r="97" spans="6:7" s="18" customFormat="1" x14ac:dyDescent="0.2">
      <c r="F97" s="21"/>
      <c r="G97" s="21"/>
    </row>
    <row r="98" spans="6:7" s="18" customFormat="1" x14ac:dyDescent="0.2">
      <c r="F98" s="21"/>
      <c r="G98" s="21"/>
    </row>
    <row r="99" spans="6:7" s="18" customFormat="1" x14ac:dyDescent="0.2">
      <c r="F99" s="21"/>
      <c r="G99" s="21"/>
    </row>
    <row r="100" spans="6:7" s="18" customFormat="1" x14ac:dyDescent="0.2">
      <c r="F100" s="21"/>
      <c r="G100" s="21"/>
    </row>
    <row r="101" spans="6:7" s="18" customFormat="1" x14ac:dyDescent="0.2">
      <c r="F101" s="21"/>
      <c r="G101" s="21"/>
    </row>
    <row r="102" spans="6:7" s="18" customFormat="1" x14ac:dyDescent="0.2">
      <c r="F102" s="21"/>
      <c r="G102" s="21"/>
    </row>
    <row r="103" spans="6:7" s="18" customFormat="1" x14ac:dyDescent="0.2">
      <c r="F103" s="21"/>
      <c r="G103" s="21"/>
    </row>
    <row r="104" spans="6:7" s="18" customFormat="1" x14ac:dyDescent="0.2">
      <c r="F104" s="21"/>
      <c r="G104" s="21"/>
    </row>
    <row r="105" spans="6:7" s="18" customFormat="1" x14ac:dyDescent="0.2">
      <c r="F105" s="21"/>
      <c r="G105" s="21"/>
    </row>
    <row r="106" spans="6:7" s="18" customFormat="1" x14ac:dyDescent="0.2">
      <c r="F106" s="21"/>
      <c r="G106" s="21"/>
    </row>
    <row r="107" spans="6:7" s="18" customFormat="1" x14ac:dyDescent="0.2">
      <c r="F107" s="21"/>
      <c r="G107" s="21"/>
    </row>
    <row r="108" spans="6:7" s="18" customFormat="1" x14ac:dyDescent="0.2">
      <c r="F108" s="21"/>
      <c r="G108" s="21"/>
    </row>
    <row r="109" spans="6:7" s="18" customFormat="1" x14ac:dyDescent="0.2">
      <c r="F109" s="21"/>
      <c r="G109" s="21"/>
    </row>
    <row r="110" spans="6:7" s="18" customFormat="1" x14ac:dyDescent="0.2">
      <c r="F110" s="21"/>
      <c r="G110" s="21"/>
    </row>
    <row r="111" spans="6:7" s="18" customFormat="1" x14ac:dyDescent="0.2">
      <c r="F111" s="21"/>
      <c r="G111" s="21"/>
    </row>
    <row r="112" spans="6:7" s="18" customFormat="1" x14ac:dyDescent="0.2">
      <c r="F112" s="21"/>
      <c r="G112" s="21"/>
    </row>
    <row r="113" spans="6:7" s="18" customFormat="1" x14ac:dyDescent="0.2">
      <c r="F113" s="21"/>
      <c r="G113" s="21"/>
    </row>
    <row r="114" spans="6:7" s="18" customFormat="1" x14ac:dyDescent="0.2">
      <c r="F114" s="21"/>
      <c r="G114" s="21"/>
    </row>
    <row r="115" spans="6:7" s="18" customFormat="1" x14ac:dyDescent="0.2">
      <c r="F115" s="21"/>
      <c r="G115" s="21"/>
    </row>
    <row r="116" spans="6:7" s="18" customFormat="1" x14ac:dyDescent="0.2">
      <c r="F116" s="21"/>
      <c r="G116" s="21"/>
    </row>
    <row r="117" spans="6:7" s="18" customFormat="1" x14ac:dyDescent="0.2">
      <c r="F117" s="21"/>
      <c r="G117" s="21"/>
    </row>
    <row r="118" spans="6:7" s="18" customFormat="1" x14ac:dyDescent="0.2">
      <c r="F118" s="21"/>
      <c r="G118" s="21"/>
    </row>
    <row r="119" spans="6:7" s="18" customFormat="1" x14ac:dyDescent="0.2">
      <c r="F119" s="21"/>
      <c r="G119" s="21"/>
    </row>
    <row r="120" spans="6:7" s="18" customFormat="1" x14ac:dyDescent="0.2">
      <c r="F120" s="21"/>
      <c r="G120" s="21"/>
    </row>
    <row r="121" spans="6:7" s="18" customFormat="1" x14ac:dyDescent="0.2">
      <c r="F121" s="21"/>
      <c r="G121" s="21"/>
    </row>
    <row r="122" spans="6:7" s="18" customFormat="1" x14ac:dyDescent="0.2">
      <c r="F122" s="21"/>
      <c r="G122" s="21"/>
    </row>
    <row r="123" spans="6:7" s="18" customFormat="1" x14ac:dyDescent="0.2">
      <c r="F123" s="21"/>
      <c r="G123" s="21"/>
    </row>
    <row r="124" spans="6:7" s="18" customFormat="1" x14ac:dyDescent="0.2">
      <c r="F124" s="21"/>
      <c r="G124" s="21"/>
    </row>
    <row r="125" spans="6:7" s="18" customFormat="1" x14ac:dyDescent="0.2">
      <c r="F125" s="21"/>
      <c r="G125" s="21"/>
    </row>
    <row r="126" spans="6:7" s="18" customFormat="1" x14ac:dyDescent="0.2">
      <c r="F126" s="21"/>
      <c r="G126" s="21"/>
    </row>
    <row r="127" spans="6:7" s="18" customFormat="1" x14ac:dyDescent="0.2">
      <c r="F127" s="21"/>
      <c r="G127" s="21"/>
    </row>
    <row r="128" spans="6:7" s="18" customFormat="1" x14ac:dyDescent="0.2">
      <c r="F128" s="21"/>
      <c r="G128" s="21"/>
    </row>
    <row r="129" spans="6:7" s="18" customFormat="1" x14ac:dyDescent="0.2">
      <c r="F129" s="21"/>
      <c r="G129" s="21"/>
    </row>
    <row r="130" spans="6:7" s="18" customFormat="1" x14ac:dyDescent="0.2">
      <c r="F130" s="21"/>
      <c r="G130" s="21"/>
    </row>
    <row r="131" spans="6:7" s="18" customFormat="1" x14ac:dyDescent="0.2">
      <c r="F131" s="21"/>
      <c r="G131" s="21"/>
    </row>
    <row r="132" spans="6:7" s="18" customFormat="1" x14ac:dyDescent="0.2">
      <c r="F132" s="21"/>
      <c r="G132" s="21"/>
    </row>
    <row r="133" spans="6:7" s="18" customFormat="1" x14ac:dyDescent="0.2">
      <c r="F133" s="21"/>
      <c r="G133" s="21"/>
    </row>
    <row r="134" spans="6:7" s="18" customFormat="1" x14ac:dyDescent="0.2">
      <c r="F134" s="21"/>
      <c r="G134" s="21"/>
    </row>
    <row r="135" spans="6:7" s="18" customFormat="1" x14ac:dyDescent="0.2">
      <c r="F135" s="21"/>
      <c r="G135" s="21"/>
    </row>
    <row r="136" spans="6:7" s="18" customFormat="1" x14ac:dyDescent="0.2">
      <c r="F136" s="21"/>
      <c r="G136" s="21"/>
    </row>
    <row r="137" spans="6:7" s="18" customFormat="1" x14ac:dyDescent="0.2">
      <c r="F137" s="21"/>
      <c r="G137" s="21"/>
    </row>
    <row r="138" spans="6:7" s="18" customFormat="1" x14ac:dyDescent="0.2">
      <c r="F138" s="21"/>
      <c r="G138" s="21"/>
    </row>
    <row r="139" spans="6:7" s="18" customFormat="1" x14ac:dyDescent="0.2">
      <c r="F139" s="21"/>
      <c r="G139" s="21"/>
    </row>
    <row r="140" spans="6:7" s="18" customFormat="1" x14ac:dyDescent="0.2">
      <c r="F140" s="21"/>
      <c r="G140" s="21"/>
    </row>
    <row r="141" spans="6:7" s="18" customFormat="1" x14ac:dyDescent="0.2">
      <c r="F141" s="21"/>
      <c r="G141" s="21"/>
    </row>
    <row r="142" spans="6:7" s="18" customFormat="1" x14ac:dyDescent="0.2">
      <c r="F142" s="21"/>
      <c r="G142" s="21"/>
    </row>
    <row r="143" spans="6:7" s="18" customFormat="1" x14ac:dyDescent="0.2">
      <c r="F143" s="21"/>
      <c r="G143" s="21"/>
    </row>
    <row r="144" spans="6:7" s="18" customFormat="1" x14ac:dyDescent="0.2">
      <c r="F144" s="21"/>
      <c r="G144" s="21"/>
    </row>
    <row r="145" spans="6:7" s="18" customFormat="1" x14ac:dyDescent="0.2">
      <c r="F145" s="21"/>
      <c r="G145" s="21"/>
    </row>
    <row r="146" spans="6:7" s="18" customFormat="1" x14ac:dyDescent="0.2">
      <c r="F146" s="21"/>
      <c r="G146" s="21"/>
    </row>
    <row r="147" spans="6:7" s="18" customFormat="1" x14ac:dyDescent="0.2">
      <c r="F147" s="21"/>
      <c r="G147" s="21"/>
    </row>
    <row r="148" spans="6:7" s="18" customFormat="1" x14ac:dyDescent="0.2">
      <c r="F148" s="21"/>
      <c r="G148" s="21"/>
    </row>
    <row r="149" spans="6:7" s="18" customFormat="1" x14ac:dyDescent="0.2">
      <c r="F149" s="21"/>
      <c r="G149" s="21"/>
    </row>
    <row r="150" spans="6:7" s="18" customFormat="1" x14ac:dyDescent="0.2">
      <c r="F150" s="21"/>
      <c r="G150" s="21"/>
    </row>
    <row r="151" spans="6:7" s="18" customFormat="1" x14ac:dyDescent="0.2">
      <c r="F151" s="21"/>
      <c r="G151" s="21"/>
    </row>
    <row r="152" spans="6:7" s="18" customFormat="1" x14ac:dyDescent="0.2">
      <c r="F152" s="21"/>
      <c r="G152" s="21"/>
    </row>
    <row r="153" spans="6:7" s="18" customFormat="1" x14ac:dyDescent="0.2">
      <c r="F153" s="21"/>
      <c r="G153" s="21"/>
    </row>
    <row r="154" spans="6:7" s="18" customFormat="1" x14ac:dyDescent="0.2">
      <c r="F154" s="21"/>
      <c r="G154" s="21"/>
    </row>
    <row r="155" spans="6:7" s="18" customFormat="1" x14ac:dyDescent="0.2">
      <c r="F155" s="21"/>
      <c r="G155" s="21"/>
    </row>
    <row r="156" spans="6:7" s="18" customFormat="1" x14ac:dyDescent="0.2">
      <c r="F156" s="21"/>
      <c r="G156" s="21"/>
    </row>
    <row r="157" spans="6:7" s="18" customFormat="1" x14ac:dyDescent="0.2">
      <c r="F157" s="21"/>
      <c r="G157" s="21"/>
    </row>
    <row r="158" spans="6:7" s="18" customFormat="1" x14ac:dyDescent="0.2">
      <c r="F158" s="21"/>
      <c r="G158" s="21"/>
    </row>
    <row r="159" spans="6:7" s="18" customFormat="1" x14ac:dyDescent="0.2">
      <c r="F159" s="21"/>
      <c r="G159" s="21"/>
    </row>
    <row r="160" spans="6:7" s="18" customFormat="1" x14ac:dyDescent="0.2">
      <c r="F160" s="21"/>
      <c r="G160" s="21"/>
    </row>
    <row r="161" spans="6:7" s="18" customFormat="1" x14ac:dyDescent="0.2">
      <c r="F161" s="21"/>
      <c r="G161" s="21"/>
    </row>
    <row r="162" spans="6:7" s="18" customFormat="1" x14ac:dyDescent="0.2">
      <c r="F162" s="21"/>
      <c r="G162" s="21"/>
    </row>
    <row r="163" spans="6:7" s="18" customFormat="1" x14ac:dyDescent="0.2">
      <c r="F163" s="21"/>
      <c r="G163" s="21"/>
    </row>
    <row r="164" spans="6:7" s="18" customFormat="1" x14ac:dyDescent="0.2">
      <c r="F164" s="21"/>
      <c r="G164" s="21"/>
    </row>
    <row r="165" spans="6:7" s="18" customFormat="1" x14ac:dyDescent="0.2">
      <c r="F165" s="21"/>
      <c r="G165" s="21"/>
    </row>
    <row r="166" spans="6:7" s="18" customFormat="1" x14ac:dyDescent="0.2">
      <c r="F166" s="21"/>
      <c r="G166" s="21"/>
    </row>
    <row r="167" spans="6:7" s="18" customFormat="1" x14ac:dyDescent="0.2">
      <c r="F167" s="21"/>
      <c r="G167" s="21"/>
    </row>
    <row r="168" spans="6:7" s="18" customFormat="1" x14ac:dyDescent="0.2">
      <c r="F168" s="21"/>
      <c r="G168" s="21"/>
    </row>
    <row r="169" spans="6:7" s="18" customFormat="1" x14ac:dyDescent="0.2">
      <c r="F169" s="21"/>
      <c r="G169" s="21"/>
    </row>
    <row r="170" spans="6:7" s="18" customFormat="1" x14ac:dyDescent="0.2">
      <c r="F170" s="21"/>
      <c r="G170" s="21"/>
    </row>
    <row r="171" spans="6:7" s="18" customFormat="1" x14ac:dyDescent="0.2">
      <c r="F171" s="21"/>
      <c r="G171" s="21"/>
    </row>
    <row r="172" spans="6:7" s="18" customFormat="1" x14ac:dyDescent="0.2">
      <c r="F172" s="21"/>
      <c r="G172" s="21"/>
    </row>
    <row r="173" spans="6:7" s="18" customFormat="1" x14ac:dyDescent="0.2">
      <c r="F173" s="21"/>
      <c r="G173" s="21"/>
    </row>
    <row r="174" spans="6:7" s="18" customFormat="1" x14ac:dyDescent="0.2">
      <c r="F174" s="21"/>
      <c r="G174" s="21"/>
    </row>
    <row r="175" spans="6:7" s="18" customFormat="1" x14ac:dyDescent="0.2">
      <c r="F175" s="21"/>
      <c r="G175" s="21"/>
    </row>
    <row r="176" spans="6:7" s="18" customFormat="1" x14ac:dyDescent="0.2">
      <c r="F176" s="21"/>
      <c r="G176" s="21"/>
    </row>
    <row r="177" spans="6:7" s="18" customFormat="1" x14ac:dyDescent="0.2">
      <c r="F177" s="21"/>
      <c r="G177" s="21"/>
    </row>
    <row r="178" spans="6:7" s="18" customFormat="1" x14ac:dyDescent="0.2">
      <c r="F178" s="21"/>
      <c r="G178" s="21"/>
    </row>
    <row r="179" spans="6:7" s="18" customFormat="1" x14ac:dyDescent="0.2">
      <c r="F179" s="21"/>
      <c r="G179" s="21"/>
    </row>
    <row r="180" spans="6:7" s="18" customFormat="1" x14ac:dyDescent="0.2">
      <c r="F180" s="21"/>
      <c r="G180" s="21"/>
    </row>
    <row r="181" spans="6:7" s="18" customFormat="1" x14ac:dyDescent="0.2">
      <c r="F181" s="21"/>
      <c r="G181" s="21"/>
    </row>
    <row r="182" spans="6:7" s="18" customFormat="1" x14ac:dyDescent="0.2">
      <c r="F182" s="21"/>
      <c r="G182" s="21"/>
    </row>
    <row r="183" spans="6:7" s="18" customFormat="1" x14ac:dyDescent="0.2">
      <c r="F183" s="21"/>
      <c r="G183" s="21"/>
    </row>
    <row r="184" spans="6:7" s="18" customFormat="1" x14ac:dyDescent="0.2">
      <c r="F184" s="21"/>
      <c r="G184" s="21"/>
    </row>
    <row r="185" spans="6:7" s="18" customFormat="1" x14ac:dyDescent="0.2">
      <c r="F185" s="21"/>
      <c r="G185" s="21"/>
    </row>
    <row r="186" spans="6:7" s="18" customFormat="1" x14ac:dyDescent="0.2">
      <c r="F186" s="21"/>
      <c r="G186" s="21"/>
    </row>
    <row r="187" spans="6:7" s="18" customFormat="1" x14ac:dyDescent="0.2">
      <c r="F187" s="21"/>
      <c r="G187" s="21"/>
    </row>
    <row r="188" spans="6:7" s="18" customFormat="1" x14ac:dyDescent="0.2">
      <c r="F188" s="21"/>
      <c r="G188" s="21"/>
    </row>
    <row r="189" spans="6:7" s="18" customFormat="1" x14ac:dyDescent="0.2">
      <c r="F189" s="21"/>
      <c r="G189" s="21"/>
    </row>
    <row r="190" spans="6:7" s="18" customFormat="1" x14ac:dyDescent="0.2">
      <c r="F190" s="21"/>
      <c r="G190" s="21"/>
    </row>
    <row r="191" spans="6:7" s="18" customFormat="1" x14ac:dyDescent="0.2">
      <c r="F191" s="21"/>
      <c r="G191" s="21"/>
    </row>
    <row r="192" spans="6:7" s="18" customFormat="1" x14ac:dyDescent="0.2">
      <c r="F192" s="21"/>
      <c r="G192" s="21"/>
    </row>
    <row r="193" spans="6:7" s="18" customFormat="1" x14ac:dyDescent="0.2">
      <c r="F193" s="21"/>
      <c r="G193" s="21"/>
    </row>
    <row r="194" spans="6:7" s="18" customFormat="1" x14ac:dyDescent="0.2">
      <c r="F194" s="21"/>
      <c r="G194" s="21"/>
    </row>
    <row r="195" spans="6:7" s="18" customFormat="1" x14ac:dyDescent="0.2">
      <c r="F195" s="21"/>
      <c r="G195" s="21"/>
    </row>
  </sheetData>
  <sheetProtection selectLockedCells="1" selectUnlockedCells="1"/>
  <mergeCells count="81">
    <mergeCell ref="J4:M5"/>
    <mergeCell ref="B9:G11"/>
    <mergeCell ref="B12:H13"/>
    <mergeCell ref="I12:M14"/>
    <mergeCell ref="B14:H14"/>
    <mergeCell ref="C17:D17"/>
    <mergeCell ref="E17:F17"/>
    <mergeCell ref="C18:F18"/>
    <mergeCell ref="C21:F21"/>
    <mergeCell ref="B4:I5"/>
    <mergeCell ref="C50:D50"/>
    <mergeCell ref="C23:D23"/>
    <mergeCell ref="C22:D22"/>
    <mergeCell ref="C36:D36"/>
    <mergeCell ref="C37:D37"/>
    <mergeCell ref="C38:D38"/>
    <mergeCell ref="C39:F39"/>
    <mergeCell ref="E35:F35"/>
    <mergeCell ref="E34:F34"/>
    <mergeCell ref="E33:F33"/>
    <mergeCell ref="E32:F32"/>
    <mergeCell ref="C29:D29"/>
    <mergeCell ref="C28:D28"/>
    <mergeCell ref="C27:D27"/>
    <mergeCell ref="C26:D26"/>
    <mergeCell ref="C25:D25"/>
    <mergeCell ref="C55:D55"/>
    <mergeCell ref="C54:D54"/>
    <mergeCell ref="C53:D53"/>
    <mergeCell ref="C52:D52"/>
    <mergeCell ref="C51:D51"/>
    <mergeCell ref="C19:D19"/>
    <mergeCell ref="C49:D49"/>
    <mergeCell ref="C48:D48"/>
    <mergeCell ref="C47:D47"/>
    <mergeCell ref="C46:D46"/>
    <mergeCell ref="C45:D45"/>
    <mergeCell ref="C44:D44"/>
    <mergeCell ref="C24:D24"/>
    <mergeCell ref="C35:D35"/>
    <mergeCell ref="C34:D34"/>
    <mergeCell ref="C33:D33"/>
    <mergeCell ref="C32:D32"/>
    <mergeCell ref="C31:D31"/>
    <mergeCell ref="C30:D30"/>
    <mergeCell ref="C43:D43"/>
    <mergeCell ref="C42:D42"/>
    <mergeCell ref="C41:D41"/>
    <mergeCell ref="C40:D40"/>
    <mergeCell ref="C20:D20"/>
    <mergeCell ref="E22:F22"/>
    <mergeCell ref="E20:F20"/>
    <mergeCell ref="E19:F19"/>
    <mergeCell ref="E31:F31"/>
    <mergeCell ref="E30:F30"/>
    <mergeCell ref="E29:F29"/>
    <mergeCell ref="E28:F28"/>
    <mergeCell ref="E27:F27"/>
    <mergeCell ref="E26:F26"/>
    <mergeCell ref="E49:F49"/>
    <mergeCell ref="E52:F52"/>
    <mergeCell ref="E25:F25"/>
    <mergeCell ref="E24:F24"/>
    <mergeCell ref="E23:F23"/>
    <mergeCell ref="E55:F55"/>
    <mergeCell ref="E54:F54"/>
    <mergeCell ref="E53:F53"/>
    <mergeCell ref="E51:F51"/>
    <mergeCell ref="E50:F50"/>
    <mergeCell ref="E36:F36"/>
    <mergeCell ref="E48:F48"/>
    <mergeCell ref="E47:F47"/>
    <mergeCell ref="E46:F46"/>
    <mergeCell ref="E45:F45"/>
    <mergeCell ref="E44:F44"/>
    <mergeCell ref="E43:F43"/>
    <mergeCell ref="E42:F42"/>
    <mergeCell ref="E41:F41"/>
    <mergeCell ref="E40:F40"/>
    <mergeCell ref="E38:F38"/>
    <mergeCell ref="E37:F37"/>
  </mergeCells>
  <phoneticPr fontId="0" type="noConversion"/>
  <pageMargins left="0.20972222222222223" right="0.19027777777777777" top="0.98402777777777772" bottom="0.98402777777777772" header="0.51180555555555551" footer="0.51180555555555551"/>
  <pageSetup paperSize="9" scale="65" firstPageNumber="0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część 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</dc:creator>
  <cp:lastModifiedBy>Anna Narloch-Scharnowska</cp:lastModifiedBy>
  <cp:lastPrinted>2020-11-13T09:39:12Z</cp:lastPrinted>
  <dcterms:created xsi:type="dcterms:W3CDTF">2019-06-06T06:04:08Z</dcterms:created>
  <dcterms:modified xsi:type="dcterms:W3CDTF">2025-10-20T11:10:29Z</dcterms:modified>
</cp:coreProperties>
</file>